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ivpf201v.takamatsu.local\Profile\s11275\Desktop\"/>
    </mc:Choice>
  </mc:AlternateContent>
  <bookViews>
    <workbookView xWindow="0" yWindow="960" windowWidth="18645" windowHeight="9960" tabRatio="607"/>
  </bookViews>
  <sheets>
    <sheet name="廃棄物種類別" sheetId="1" r:id="rId1"/>
  </sheets>
  <definedNames>
    <definedName name="_xlnm._FilterDatabase" localSheetId="0" hidden="1">廃棄物種類別!$A$4:$AN$4</definedName>
  </definedNames>
  <calcPr calcId="101716"/>
</workbook>
</file>

<file path=xl/sharedStrings.xml><?xml version="1.0" encoding="utf-8"?>
<sst xmlns="http://schemas.openxmlformats.org/spreadsheetml/2006/main" count="42" uniqueCount="27">
  <si>
    <t>※数量状態フラグ･･･０：廃棄物なし，１：保管中のみ，２：使用中のみ，３：保管中・使用中</t>
  </si>
  <si>
    <t>　その他数量フラグ･･･○：集計基準単位以外に集計される数値が存在する</t>
  </si>
  <si>
    <t>届出者</t>
  </si>
  <si>
    <t>保管中</t>
  </si>
  <si>
    <t>使用中</t>
  </si>
  <si>
    <t>事業場名称</t>
  </si>
  <si>
    <t>住所（市区町村）</t>
  </si>
  <si>
    <t>住所（市区町村以下）</t>
  </si>
  <si>
    <t>届出者法人名</t>
  </si>
  <si>
    <t>届出者役職</t>
  </si>
  <si>
    <t>届出者氏名</t>
  </si>
  <si>
    <t>数量状態
フラグ</t>
  </si>
  <si>
    <t>その他数量
フラグ</t>
  </si>
  <si>
    <t>変圧器（トランス）</t>
  </si>
  <si>
    <t>コンデンサー（3kg以上）</t>
  </si>
  <si>
    <t>コンデンサー（3kg未満）</t>
  </si>
  <si>
    <t>柱上変圧器（柱上トランス）</t>
  </si>
  <si>
    <t>安定器</t>
  </si>
  <si>
    <t>PCBを含む油</t>
  </si>
  <si>
    <t>感圧複写紙</t>
  </si>
  <si>
    <t>ウエス</t>
  </si>
  <si>
    <t>OFケーブル</t>
  </si>
  <si>
    <t>汚泥</t>
  </si>
  <si>
    <t>塗膜</t>
  </si>
  <si>
    <t>その他の機器</t>
  </si>
  <si>
    <t>その他</t>
  </si>
  <si>
    <t>2022年度集計（高濃度）</t>
    <rPh sb="4" eb="6">
      <t>ネンド</t>
    </rPh>
    <rPh sb="6" eb="8">
      <t>シュウケイ</t>
    </rPh>
    <rPh sb="9" eb="12">
      <t>コウノウ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</font>
    <font>
      <sz val="11"/>
      <name val="ＭＳ Ｐゴシック"/>
      <family val="3"/>
    </font>
    <font>
      <sz val="11"/>
      <color indexed="8"/>
      <name val="ＭＳ Ｐゴシック"/>
      <family val="3"/>
    </font>
    <font>
      <sz val="10"/>
      <name val="ＭＳ Ｐゴシック"/>
      <family val="3"/>
    </font>
    <font>
      <sz val="10"/>
      <color indexed="8"/>
      <name val="ＭＳ Ｐゴシック"/>
      <family val="3"/>
    </font>
    <font>
      <b/>
      <sz val="10"/>
      <name val="ＭＳ Ｐゴシック"/>
      <family val="3"/>
    </font>
  </fonts>
  <fills count="7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22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0" fontId="2" fillId="0" borderId="0"/>
    <xf numFmtId="0" fontId="1" fillId="0" borderId="0">
      <alignment vertical="center"/>
    </xf>
  </cellStyleXfs>
  <cellXfs count="24">
    <xf numFmtId="0" fontId="0" fillId="0" borderId="0" xfId="0" applyNumberFormat="1" applyFont="1" applyFill="1" applyBorder="1" applyProtection="1"/>
    <xf numFmtId="49" fontId="3" fillId="0" borderId="0" xfId="2" applyNumberFormat="1" applyFont="1" applyFill="1" applyBorder="1" applyAlignment="1" applyProtection="1">
      <alignment vertical="center"/>
    </xf>
    <xf numFmtId="0" fontId="3" fillId="0" borderId="0" xfId="2" applyNumberFormat="1" applyFont="1" applyFill="1" applyBorder="1" applyAlignment="1" applyProtection="1">
      <alignment vertical="center"/>
    </xf>
    <xf numFmtId="0" fontId="3" fillId="2" borderId="1" xfId="2" applyNumberFormat="1" applyFont="1" applyFill="1" applyBorder="1" applyAlignment="1" applyProtection="1">
      <alignment horizontal="center" vertical="center"/>
    </xf>
    <xf numFmtId="49" fontId="4" fillId="3" borderId="2" xfId="1" applyNumberFormat="1" applyFont="1" applyFill="1" applyBorder="1" applyAlignment="1" applyProtection="1">
      <alignment horizontal="center" vertical="center" wrapText="1"/>
    </xf>
    <xf numFmtId="0" fontId="4" fillId="3" borderId="2" xfId="1" applyNumberFormat="1" applyFont="1" applyFill="1" applyBorder="1" applyAlignment="1" applyProtection="1">
      <alignment horizontal="center" vertical="center" wrapText="1"/>
    </xf>
    <xf numFmtId="0" fontId="4" fillId="4" borderId="2" xfId="1" applyNumberFormat="1" applyFont="1" applyFill="1" applyBorder="1" applyAlignment="1" applyProtection="1">
      <alignment horizontal="center" vertical="center" wrapText="1"/>
    </xf>
    <xf numFmtId="0" fontId="4" fillId="2" borderId="3" xfId="1" applyNumberFormat="1" applyFont="1" applyFill="1" applyBorder="1" applyAlignment="1" applyProtection="1">
      <alignment horizontal="center" vertical="center" wrapText="1"/>
    </xf>
    <xf numFmtId="0" fontId="4" fillId="5" borderId="2" xfId="1" applyNumberFormat="1" applyFont="1" applyFill="1" applyBorder="1" applyAlignment="1" applyProtection="1">
      <alignment horizontal="center" vertical="center" wrapText="1"/>
    </xf>
    <xf numFmtId="0" fontId="4" fillId="6" borderId="2" xfId="1" applyNumberFormat="1" applyFont="1" applyFill="1" applyBorder="1" applyAlignment="1" applyProtection="1">
      <alignment horizontal="center" vertical="center" wrapText="1"/>
    </xf>
    <xf numFmtId="0" fontId="3" fillId="0" borderId="0" xfId="2" applyNumberFormat="1" applyFont="1" applyFill="1" applyBorder="1" applyAlignment="1" applyProtection="1">
      <alignment vertical="center" wrapText="1"/>
    </xf>
    <xf numFmtId="0" fontId="3" fillId="2" borderId="4" xfId="2" applyNumberFormat="1" applyFont="1" applyFill="1" applyBorder="1" applyAlignment="1" applyProtection="1">
      <alignment horizontal="center" vertical="center"/>
    </xf>
    <xf numFmtId="0" fontId="3" fillId="0" borderId="0" xfId="2" applyNumberFormat="1" applyFont="1" applyFill="1" applyBorder="1" applyAlignment="1" applyProtection="1">
      <alignment vertical="center"/>
    </xf>
    <xf numFmtId="49" fontId="3" fillId="0" borderId="0" xfId="2" applyNumberFormat="1" applyFont="1" applyFill="1" applyBorder="1" applyAlignment="1" applyProtection="1">
      <alignment vertical="center"/>
    </xf>
    <xf numFmtId="0" fontId="3" fillId="0" borderId="0" xfId="2" applyNumberFormat="1" applyFont="1" applyFill="1" applyBorder="1" applyAlignment="1" applyProtection="1">
      <alignment horizontal="right" vertical="center"/>
    </xf>
    <xf numFmtId="0" fontId="5" fillId="0" borderId="0" xfId="2" applyNumberFormat="1" applyFont="1" applyFill="1" applyBorder="1" applyAlignment="1" applyProtection="1">
      <alignment horizontal="right" vertical="center"/>
    </xf>
    <xf numFmtId="0" fontId="3" fillId="0" borderId="0" xfId="2" applyNumberFormat="1" applyFont="1" applyFill="1" applyBorder="1" applyAlignment="1" applyProtection="1">
      <alignment horizontal="center" vertical="center"/>
    </xf>
    <xf numFmtId="0" fontId="3" fillId="0" borderId="0" xfId="2" applyNumberFormat="1" applyFont="1" applyFill="1" applyBorder="1" applyAlignment="1" applyProtection="1">
      <alignment horizontal="center" vertical="center"/>
    </xf>
    <xf numFmtId="0" fontId="3" fillId="0" borderId="0" xfId="2" applyNumberFormat="1" applyFont="1" applyFill="1" applyBorder="1" applyAlignment="1" applyProtection="1">
      <alignment horizontal="left" vertical="center"/>
    </xf>
    <xf numFmtId="0" fontId="3" fillId="0" borderId="0" xfId="2" applyNumberFormat="1" applyFont="1" applyFill="1" applyBorder="1" applyAlignment="1" applyProtection="1">
      <alignment horizontal="left" vertical="center"/>
    </xf>
    <xf numFmtId="0" fontId="3" fillId="3" borderId="6" xfId="2" applyNumberFormat="1" applyFont="1" applyFill="1" applyBorder="1" applyAlignment="1" applyProtection="1">
      <alignment horizontal="center" vertical="center"/>
    </xf>
    <xf numFmtId="0" fontId="3" fillId="4" borderId="2" xfId="2" applyNumberFormat="1" applyFont="1" applyFill="1" applyBorder="1" applyAlignment="1" applyProtection="1">
      <alignment horizontal="center" vertical="center"/>
    </xf>
    <xf numFmtId="0" fontId="3" fillId="5" borderId="5" xfId="2" applyNumberFormat="1" applyFont="1" applyFill="1" applyBorder="1" applyAlignment="1" applyProtection="1">
      <alignment horizontal="center" vertical="center"/>
    </xf>
    <xf numFmtId="0" fontId="3" fillId="6" borderId="2" xfId="2" applyNumberFormat="1" applyFont="1" applyFill="1" applyBorder="1" applyAlignment="1" applyProtection="1">
      <alignment horizontal="center" vertical="center"/>
    </xf>
  </cellXfs>
  <cellStyles count="3">
    <cellStyle name="標準" xfId="0" builtinId="0"/>
    <cellStyle name="標準_Sheet1_福岡県" xfId="1"/>
    <cellStyle name="標準_福岡県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pageSetUpPr fitToPage="1"/>
  </sheetPr>
  <dimension ref="A1:AH4"/>
  <sheetViews>
    <sheetView tabSelected="1" workbookViewId="0">
      <pane xSplit="3" ySplit="4" topLeftCell="D5" activePane="bottomRight" state="frozen"/>
      <selection activeCell="H59" sqref="H59"/>
      <selection pane="topRight" activeCell="H59" sqref="H59"/>
      <selection pane="bottomLeft" activeCell="H59" sqref="H59"/>
      <selection pane="bottomRight" activeCell="A2" sqref="A2"/>
    </sheetView>
  </sheetViews>
  <sheetFormatPr defaultColWidth="13.375" defaultRowHeight="12" x14ac:dyDescent="0.15"/>
  <cols>
    <col min="1" max="1" width="31.25" style="2" customWidth="1"/>
    <col min="2" max="2" width="11.125" style="2" customWidth="1"/>
    <col min="3" max="3" width="32.5" style="1" customWidth="1"/>
    <col min="4" max="4" width="30.5" style="2" bestFit="1" customWidth="1"/>
    <col min="5" max="5" width="17.125" style="2" customWidth="1"/>
    <col min="6" max="6" width="10.5" style="2" bestFit="1" customWidth="1"/>
    <col min="7" max="8" width="10.5" style="16" customWidth="1"/>
    <col min="9" max="20" width="13.375" style="2" customWidth="1"/>
    <col min="21" max="21" width="7.5" style="2" customWidth="1"/>
    <col min="22" max="33" width="13.375" style="2" customWidth="1"/>
    <col min="34" max="34" width="7.5" style="2" customWidth="1"/>
    <col min="35" max="35" width="13.375" style="2" customWidth="1"/>
    <col min="36" max="16384" width="13.375" style="2"/>
  </cols>
  <sheetData>
    <row r="1" spans="1:34" x14ac:dyDescent="0.15">
      <c r="A1" s="15" t="s">
        <v>26</v>
      </c>
      <c r="B1" s="14"/>
      <c r="G1" s="18" t="s">
        <v>0</v>
      </c>
      <c r="V1" s="12"/>
      <c r="W1" s="12"/>
      <c r="X1" s="12"/>
      <c r="Y1" s="12"/>
      <c r="Z1" s="12"/>
      <c r="AA1" s="12"/>
      <c r="AB1" s="12"/>
      <c r="AC1" s="12"/>
      <c r="AD1" s="12"/>
      <c r="AE1" s="12"/>
      <c r="AF1" s="12"/>
      <c r="AG1" s="12"/>
      <c r="AH1" s="12"/>
    </row>
    <row r="2" spans="1:34" s="12" customFormat="1" x14ac:dyDescent="0.15">
      <c r="C2" s="13"/>
      <c r="G2" s="19" t="s">
        <v>1</v>
      </c>
      <c r="H2" s="17"/>
    </row>
    <row r="3" spans="1:34" ht="13.5" customHeight="1" x14ac:dyDescent="0.15">
      <c r="A3" s="20"/>
      <c r="B3" s="20"/>
      <c r="C3" s="20"/>
      <c r="D3" s="21" t="s">
        <v>2</v>
      </c>
      <c r="E3" s="21"/>
      <c r="F3" s="21"/>
      <c r="G3" s="3"/>
      <c r="H3" s="11"/>
      <c r="I3" s="22" t="s">
        <v>3</v>
      </c>
      <c r="J3" s="22"/>
      <c r="K3" s="22"/>
      <c r="L3" s="22"/>
      <c r="M3" s="22"/>
      <c r="N3" s="22"/>
      <c r="O3" s="22"/>
      <c r="P3" s="22"/>
      <c r="Q3" s="22"/>
      <c r="R3" s="22"/>
      <c r="S3" s="22"/>
      <c r="T3" s="22"/>
      <c r="U3" s="22" t="s">
        <v>3</v>
      </c>
      <c r="V3" s="23" t="s">
        <v>4</v>
      </c>
      <c r="W3" s="23"/>
      <c r="X3" s="23"/>
      <c r="Y3" s="23"/>
      <c r="Z3" s="23"/>
      <c r="AA3" s="23"/>
      <c r="AB3" s="23"/>
      <c r="AC3" s="23"/>
      <c r="AD3" s="23"/>
      <c r="AE3" s="23"/>
      <c r="AF3" s="23"/>
      <c r="AG3" s="23"/>
      <c r="AH3" s="23" t="s">
        <v>4</v>
      </c>
    </row>
    <row r="4" spans="1:34" s="10" customFormat="1" ht="24" x14ac:dyDescent="0.15">
      <c r="A4" s="5" t="s">
        <v>5</v>
      </c>
      <c r="B4" s="5" t="s">
        <v>6</v>
      </c>
      <c r="C4" s="4" t="s">
        <v>7</v>
      </c>
      <c r="D4" s="6" t="s">
        <v>8</v>
      </c>
      <c r="E4" s="6" t="s">
        <v>9</v>
      </c>
      <c r="F4" s="6" t="s">
        <v>10</v>
      </c>
      <c r="G4" s="7" t="s">
        <v>11</v>
      </c>
      <c r="H4" s="7" t="s">
        <v>12</v>
      </c>
      <c r="I4" s="8" t="s">
        <v>13</v>
      </c>
      <c r="J4" s="8" t="s">
        <v>14</v>
      </c>
      <c r="K4" s="8" t="s">
        <v>15</v>
      </c>
      <c r="L4" s="8" t="s">
        <v>16</v>
      </c>
      <c r="M4" s="8" t="s">
        <v>17</v>
      </c>
      <c r="N4" s="8" t="s">
        <v>18</v>
      </c>
      <c r="O4" s="8" t="s">
        <v>19</v>
      </c>
      <c r="P4" s="8" t="s">
        <v>20</v>
      </c>
      <c r="Q4" s="8" t="s">
        <v>21</v>
      </c>
      <c r="R4" s="8" t="s">
        <v>22</v>
      </c>
      <c r="S4" s="8" t="s">
        <v>23</v>
      </c>
      <c r="T4" s="8" t="s">
        <v>24</v>
      </c>
      <c r="U4" s="8" t="s">
        <v>25</v>
      </c>
      <c r="V4" s="9" t="s">
        <v>13</v>
      </c>
      <c r="W4" s="9" t="s">
        <v>14</v>
      </c>
      <c r="X4" s="9" t="s">
        <v>15</v>
      </c>
      <c r="Y4" s="9" t="s">
        <v>16</v>
      </c>
      <c r="Z4" s="9" t="s">
        <v>17</v>
      </c>
      <c r="AA4" s="9" t="s">
        <v>18</v>
      </c>
      <c r="AB4" s="9" t="s">
        <v>19</v>
      </c>
      <c r="AC4" s="9" t="s">
        <v>20</v>
      </c>
      <c r="AD4" s="9" t="s">
        <v>21</v>
      </c>
      <c r="AE4" s="9" t="s">
        <v>22</v>
      </c>
      <c r="AF4" s="9" t="s">
        <v>23</v>
      </c>
      <c r="AG4" s="9" t="s">
        <v>24</v>
      </c>
      <c r="AH4" s="9" t="s">
        <v>25</v>
      </c>
    </row>
  </sheetData>
  <sheetProtection algorithmName="SHA-512" hashValue="51kx4dj4kEKI0stkkk3TlEtwAOVydTOLlNJoKxaJEb+kTqwPx4nXmTMRJarQzwVxBZT2owJjYWhMLtGIQI6c0g==" saltValue="iT+BO4dlE9Z3wxyASg9GjA==" spinCount="100000" sheet="1" objects="1" scenarios="1"/>
  <mergeCells count="4">
    <mergeCell ref="A3:C3"/>
    <mergeCell ref="D3:F3"/>
    <mergeCell ref="I3:U3"/>
    <mergeCell ref="V3:AH3"/>
  </mergeCells>
  <phoneticPr fontId="3"/>
  <pageMargins left="0.75" right="0.75" top="1" bottom="1" header="0.51200000000000001" footer="0.51200000000000001"/>
  <pageSetup paperSize="9" scale="27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廃棄物種類別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hi</dc:creator>
  <cp:lastModifiedBy>三野 誠也</cp:lastModifiedBy>
  <cp:lastPrinted>2023-12-04T04:18:44Z</cp:lastPrinted>
  <dcterms:created xsi:type="dcterms:W3CDTF">2005-11-18T09:23:10Z</dcterms:created>
  <dcterms:modified xsi:type="dcterms:W3CDTF">2023-12-04T04:18:48Z</dcterms:modified>
</cp:coreProperties>
</file>